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0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81" d="100"/>
          <a:sy n="81" d="100"/>
        </p:scale>
        <p:origin x="132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2B43F0-D38C-44E8-A1EA-4BE9F46B804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4E57540-EE1B-4FFE-8A71-8BDBF57D488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440C63-34D0-42EB-9B12-5B27FE1CCB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980F455-7164-4203-80DB-52CEF9CFDA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E87C40-E4B5-49A8-AE1F-E209E4243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47759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D3A890-1956-4785-8488-8C6215CA10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382D3CC-ADAC-4367-AE10-F99FD1B5EF9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4F3DD8-7B6E-4542-A335-CAED52E74E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4A4939-14E1-4659-A3C4-9B668017B6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63FC70-9737-4BD1-B627-27459B751E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92070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ECF1158-9C50-4D61-8AB6-AC9880D4B2C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9D5548A-6396-47BC-B874-948116440D4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C98B664-BDD7-459F-9AB6-E07A3D62A8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63E195D-8FC0-404F-89CF-CF79C7DA4C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021AF6F-09CB-40EE-BE42-F558700BA4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771341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E292E2-0941-4F0E-8F98-316EFF0FDF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AE010F-BB24-4120-9214-0B640E0BE2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0FA08E2-36F5-4AE7-AC3A-9E4647185B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01D7B7C-07EA-40C7-AF2E-BB5ED6BF4E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3B4353-967D-4970-9C5E-DD1225266F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8126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4C8281-63B4-43C0-98C5-64F7DAB55D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9D9B75-8148-4D76-86F8-7183C29BDDF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352BA3-2011-4674-B59F-92F4BCF897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A9BFAB-F113-46CA-8720-3FECA8ED40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388C90-33DD-4C5F-84BA-D23E0041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31852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4273B2-C15B-4F9B-BB3F-053D28FD1D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C4A4C8-2F41-458B-93A8-9D16C4B52E2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6236BA-9891-4AE2-9FAB-7309D8FE325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C42B31F-1556-4BDB-AE95-5E55EC7715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27491CF-93F9-418B-9E27-436BF230B8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720A04-303A-4375-87EE-C546D2FA91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62918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E952A-C0D7-4DDB-BA72-79690A9F26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6CEDDD5-5FBB-4EF5-8C18-1656BD92541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537D98A-D05F-4060-BD82-1D940BB25D4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8211715-4689-4F81-A8AC-6D34C8B4D2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B30E9EA-0550-4F7E-B37D-825621E1B74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F3864FD-FE2D-43F3-9730-F9332F410A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C6AA3B0-F625-4CDB-A392-06CF4CBB72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4398351-819A-41DC-8930-ADBB3B2847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86659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3E7D37-D99D-4C91-AF2B-7C8ED30607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961FE59-07D8-4B9F-B960-086D0F95A1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FE3991C-7DD8-4FBD-BD72-7756AA51B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9B1D17-9CA1-4072-AF21-4E6BBC7CD5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15142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7B9D57F-CEB6-4033-9D21-B29C0D1F2C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B75EF20-04E3-4AC0-9861-9CF52ADB3B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498969C-6530-4FDF-AB34-A06C40BB04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96239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4B5A84-0B75-4EEA-8E65-F0633B8FF0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B72707-17CE-4B01-8ABA-603464A8171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CAAB64D-C96D-4FA7-8C7C-40AD8C622E3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6C99A61-4B48-4FA1-A53E-34613FC025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2977187-A4FC-4BAF-9F9C-382CDA8735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05A61D3-AB7D-4B30-A207-2246885E88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988679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9EA7D0-15DD-438E-A537-745606E21F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E52DE9C-A3A6-4FD0-A5FF-0FB4587096E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8A08388-1E75-4B3F-BE90-A13D62BD7E7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426CE0C-F658-4444-97FB-540D38F198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834D8B-A17F-4F52-BCA3-010B998A07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7E9E568-907F-4B4B-BB25-2151447584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86062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C478C25-C64E-4227-83FA-6140BB5DF0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42B339C-1103-4B81-9588-1D12D6E6898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C216DD-5BBC-4C2F-A098-9181EABF9B3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4CC5EB0-8FE7-4D24-909C-C37507CC87AA}" type="datetimeFigureOut">
              <a:rPr lang="en-US" smtClean="0"/>
              <a:t>2/10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E871C0-AC3C-4F2C-B5D1-DFD6AF3A380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20CFD0-0662-40B8-A0D3-D5F0AEEC87E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A022737-D8EE-49F7-8956-11E2EFB5AC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86808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image" Target="../media/image5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image" Target="../media/image3.png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image" Target="../media/image1.png"/><Relationship Id="rId85" Type="http://schemas.microsoft.com/office/2007/relationships/hdphoto" Target="../media/hdphoto1.wdp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image" Target="../media/image2.png"/><Relationship Id="rId86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0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81DD3DB4-54D5-4D48-9F30-A4456636AA56}"/>
              </a:ext>
            </a:extLst>
          </p:cNvPr>
          <p:cNvSpPr/>
          <p:nvPr/>
        </p:nvSpPr>
        <p:spPr>
          <a:xfrm>
            <a:off x="9698732" y="6274215"/>
            <a:ext cx="2540000" cy="341763"/>
          </a:xfrm>
          <a:prstGeom prst="rect">
            <a:avLst/>
          </a:prstGeom>
          <a:gradFill flip="none" rotWithShape="1">
            <a:gsLst>
              <a:gs pos="0">
                <a:schemeClr val="bg1">
                  <a:lumMod val="75000"/>
                </a:schemeClr>
              </a:gs>
              <a:gs pos="50000">
                <a:schemeClr val="bg1">
                  <a:lumMod val="50000"/>
                  <a:tint val="44500"/>
                  <a:satMod val="160000"/>
                  <a:alpha val="60000"/>
                </a:schemeClr>
              </a:gs>
              <a:gs pos="100000">
                <a:schemeClr val="bg1">
                  <a:lumMod val="50000"/>
                  <a:tint val="23500"/>
                  <a:satMod val="160000"/>
                  <a:alpha val="6000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6" name="OTLSHAPE_M_91b13b8343024701b6b4271df1721b78_Connector1">
            <a:extLst>
              <a:ext uri="{FF2B5EF4-FFF2-40B4-BE49-F238E27FC236}">
                <a16:creationId xmlns:a16="http://schemas.microsoft.com/office/drawing/2014/main" id="{AF86CF35-42A4-44CD-9AD0-8E8FE0F504D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00532" y="1632153"/>
            <a:ext cx="0" cy="1149846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M_ea05deafca0f4de2a8671ed94bd8de75_Connector1">
            <a:extLst>
              <a:ext uri="{FF2B5EF4-FFF2-40B4-BE49-F238E27FC236}">
                <a16:creationId xmlns:a16="http://schemas.microsoft.com/office/drawing/2014/main" id="{F4F04999-158D-47F0-BAB6-200626C6B99B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052391" y="3162999"/>
            <a:ext cx="0" cy="2210529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e377bc2267b54daaa9b4b1315cf5c6ca_Connector1">
            <a:extLst>
              <a:ext uri="{FF2B5EF4-FFF2-40B4-BE49-F238E27FC236}">
                <a16:creationId xmlns:a16="http://schemas.microsoft.com/office/drawing/2014/main" id="{3BD095F4-717B-43A2-8C9E-3D281D011F8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873724" y="2181429"/>
            <a:ext cx="0" cy="60057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M_e0f0502129ef4af7a0a0fe324436eb39_Connector1">
            <a:extLst>
              <a:ext uri="{FF2B5EF4-FFF2-40B4-BE49-F238E27FC236}">
                <a16:creationId xmlns:a16="http://schemas.microsoft.com/office/drawing/2014/main" id="{8C592FE0-A0AC-49B3-85EA-9ADCFEF6143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168780" y="3163000"/>
            <a:ext cx="0" cy="1418419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M_0aedeb837dbc47558815b213adbea067_Connector1">
            <a:extLst>
              <a:ext uri="{FF2B5EF4-FFF2-40B4-BE49-F238E27FC236}">
                <a16:creationId xmlns:a16="http://schemas.microsoft.com/office/drawing/2014/main" id="{1766265F-DF4B-4B28-9F00-788D7D702490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4413546" y="609913"/>
            <a:ext cx="0" cy="1521212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5928070b9b7e4ba3898755751da21fd7_Connector1">
            <a:extLst>
              <a:ext uri="{FF2B5EF4-FFF2-40B4-BE49-F238E27FC236}">
                <a16:creationId xmlns:a16="http://schemas.microsoft.com/office/drawing/2014/main" id="{46E4EC6F-C84F-40A3-84F1-3067C350BFA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776337" y="1632154"/>
            <a:ext cx="0" cy="49897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M_198e05a68cbc44e9a3fff1398da58a35_Connector1">
            <a:extLst>
              <a:ext uri="{FF2B5EF4-FFF2-40B4-BE49-F238E27FC236}">
                <a16:creationId xmlns:a16="http://schemas.microsoft.com/office/drawing/2014/main" id="{893A812F-BAF9-4B69-87AC-46FDF2DC976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681295" y="3162999"/>
            <a:ext cx="0" cy="1253976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M_e444d4898e61404e8a062f2d29de0529_Connector1">
            <a:extLst>
              <a:ext uri="{FF2B5EF4-FFF2-40B4-BE49-F238E27FC236}">
                <a16:creationId xmlns:a16="http://schemas.microsoft.com/office/drawing/2014/main" id="{5CF2495D-0B91-4FB3-AB4A-D4EFCB8DB15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061463" y="3163000"/>
            <a:ext cx="0" cy="1270766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M_beda6732b05c4716bbf1efd5b547e3e9_Connector1">
            <a:extLst>
              <a:ext uri="{FF2B5EF4-FFF2-40B4-BE49-F238E27FC236}">
                <a16:creationId xmlns:a16="http://schemas.microsoft.com/office/drawing/2014/main" id="{1C3BE29A-5B87-4F6D-A000-1217A023C57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603057" y="2181429"/>
            <a:ext cx="0" cy="60057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M_ebe1cab1374c40d496962e0f611d78e1_Connector1">
            <a:extLst>
              <a:ext uri="{FF2B5EF4-FFF2-40B4-BE49-F238E27FC236}">
                <a16:creationId xmlns:a16="http://schemas.microsoft.com/office/drawing/2014/main" id="{61307AE8-FC4E-4934-BE3D-EB5EC36F818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250974" y="3163000"/>
            <a:ext cx="0" cy="288667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M_aa808d8e82994166838d101a7f5587b9_Connector1">
            <a:extLst>
              <a:ext uri="{FF2B5EF4-FFF2-40B4-BE49-F238E27FC236}">
                <a16:creationId xmlns:a16="http://schemas.microsoft.com/office/drawing/2014/main" id="{C606D0E1-2DBE-4500-84B4-5B63D6E5D98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377933" y="3163000"/>
            <a:ext cx="0" cy="1777523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M_de04c276767143aa8f6c6061b11217b3_Connector1">
            <a:extLst>
              <a:ext uri="{FF2B5EF4-FFF2-40B4-BE49-F238E27FC236}">
                <a16:creationId xmlns:a16="http://schemas.microsoft.com/office/drawing/2014/main" id="{021AFF23-4D3A-4917-8BCF-9287CB3FF08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837254" y="3163000"/>
            <a:ext cx="0" cy="1378349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M_70078b5dfb7c4d45aeac23be3d6a88f2_Connector1">
            <a:extLst>
              <a:ext uri="{FF2B5EF4-FFF2-40B4-BE49-F238E27FC236}">
                <a16:creationId xmlns:a16="http://schemas.microsoft.com/office/drawing/2014/main" id="{F409F723-4CCB-4E7B-AF1B-408CF065483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707171" y="926961"/>
            <a:ext cx="0" cy="185503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M_ee335159e8274df489f263902a73eb13_Connector1">
            <a:extLst>
              <a:ext uri="{FF2B5EF4-FFF2-40B4-BE49-F238E27FC236}">
                <a16:creationId xmlns:a16="http://schemas.microsoft.com/office/drawing/2014/main" id="{F4B0E860-2B6F-4ECD-8A61-E17967BDADF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279551" y="3163000"/>
            <a:ext cx="0" cy="99169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" name="OTLSHAPE_T_de6e544653c64e61ac868f2dd148861f_HorizontalConnector1">
            <a:extLst>
              <a:ext uri="{FF2B5EF4-FFF2-40B4-BE49-F238E27FC236}">
                <a16:creationId xmlns:a16="http://schemas.microsoft.com/office/drawing/2014/main" id="{824D4CC3-9BAF-4751-8E9C-C1C683A511D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2080260" y="6409356"/>
            <a:ext cx="122037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" name="OTLSHAPE_T_de6e544653c64e61ac868f2dd148861f_LeftVerticalConnector1">
            <a:extLst>
              <a:ext uri="{FF2B5EF4-FFF2-40B4-BE49-F238E27FC236}">
                <a16:creationId xmlns:a16="http://schemas.microsoft.com/office/drawing/2014/main" id="{1CE9441C-1BB8-439A-8A01-9DABAAE264B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734810" y="3163000"/>
            <a:ext cx="0" cy="125397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T_de6e544653c64e61ac868f2dd148861f_LeftVerticalConnector2">
            <a:extLst>
              <a:ext uri="{FF2B5EF4-FFF2-40B4-BE49-F238E27FC236}">
                <a16:creationId xmlns:a16="http://schemas.microsoft.com/office/drawing/2014/main" id="{64ACA9F8-0D7D-4028-9EAF-19B67CBF5B9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734810" y="4619668"/>
            <a:ext cx="0" cy="38672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_de6e544653c64e61ac868f2dd148861f_LeftVerticalConnector3">
            <a:extLst>
              <a:ext uri="{FF2B5EF4-FFF2-40B4-BE49-F238E27FC236}">
                <a16:creationId xmlns:a16="http://schemas.microsoft.com/office/drawing/2014/main" id="{44688794-A376-4613-923C-D725237D92E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734810" y="5411779"/>
            <a:ext cx="0" cy="9975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_de6e544653c64e61ac868f2dd148861f_RightVerticalConnector1">
            <a:extLst>
              <a:ext uri="{FF2B5EF4-FFF2-40B4-BE49-F238E27FC236}">
                <a16:creationId xmlns:a16="http://schemas.microsoft.com/office/drawing/2014/main" id="{FD677EB8-6673-41FF-8BBA-24A763E2149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373861" y="3162999"/>
            <a:ext cx="0" cy="125397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_de6e544653c64e61ac868f2dd148861f_RightVerticalConnector2">
            <a:extLst>
              <a:ext uri="{FF2B5EF4-FFF2-40B4-BE49-F238E27FC236}">
                <a16:creationId xmlns:a16="http://schemas.microsoft.com/office/drawing/2014/main" id="{9E8FBF8C-7147-402C-9F2E-0040F962F614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373861" y="4619669"/>
            <a:ext cx="0" cy="1726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M_5928070b9b7e4ba3898755751da21fd7_Connector2">
            <a:extLst>
              <a:ext uri="{FF2B5EF4-FFF2-40B4-BE49-F238E27FC236}">
                <a16:creationId xmlns:a16="http://schemas.microsoft.com/office/drawing/2014/main" id="{D6AB63DB-3C5E-43B8-A0C4-ABCFBE42C29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776337" y="2333817"/>
            <a:ext cx="0" cy="448183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0aedeb837dbc47558815b213adbea067_Connector2">
            <a:extLst>
              <a:ext uri="{FF2B5EF4-FFF2-40B4-BE49-F238E27FC236}">
                <a16:creationId xmlns:a16="http://schemas.microsoft.com/office/drawing/2014/main" id="{535B7503-FF7F-4633-8550-212608B9D66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413546" y="2333817"/>
            <a:ext cx="0" cy="448183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198e05a68cbc44e9a3fff1398da58a35_Connector2">
            <a:extLst>
              <a:ext uri="{FF2B5EF4-FFF2-40B4-BE49-F238E27FC236}">
                <a16:creationId xmlns:a16="http://schemas.microsoft.com/office/drawing/2014/main" id="{4A2EF5A2-A4DB-4AF8-8D87-0F2A057BF83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681295" y="4619668"/>
            <a:ext cx="0" cy="86137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C84D95AB-F76B-484E-8B7E-E56E1354E5A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78933" y="2782000"/>
            <a:ext cx="9982200" cy="381000"/>
          </a:xfrm>
          <a:prstGeom prst="rect">
            <a:avLst/>
          </a:prstGeom>
          <a:solidFill>
            <a:srgbClr val="3F5B2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35404E7-9DEA-45A9-80C6-9B7DCCB0EB0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42433" y="2854263"/>
            <a:ext cx="357534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09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3391CAD-FDE9-4E54-A9DB-8B2C7B20C61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748879" y="2854263"/>
            <a:ext cx="331309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1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2990F46-6FFA-4AD8-A455-78C196D9456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55678" y="2854263"/>
            <a:ext cx="355931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2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B79BA31-B953-4052-8746-3E1BD4DD41F7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562478" y="2854263"/>
            <a:ext cx="355931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30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78A30B21-64B3-4519-871B-8FAD0F85211B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469278" y="2854263"/>
            <a:ext cx="352725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37</a:t>
            </a:r>
          </a:p>
        </p:txBody>
      </p:sp>
      <p:sp>
        <p:nvSpPr>
          <p:cNvPr id="125" name="OTLSHAPE_TB_00000000000000000000000000000000_TimescaleInterval6">
            <a:extLst>
              <a:ext uri="{FF2B5EF4-FFF2-40B4-BE49-F238E27FC236}">
                <a16:creationId xmlns:a16="http://schemas.microsoft.com/office/drawing/2014/main" id="{DD44CA64-071F-4C80-B794-B40198AADDF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375723" y="2854263"/>
            <a:ext cx="364523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44</a:t>
            </a:r>
          </a:p>
        </p:txBody>
      </p:sp>
      <p:sp>
        <p:nvSpPr>
          <p:cNvPr id="127" name="OTLSHAPE_TB_00000000000000000000000000000000_TimescaleInterval7">
            <a:extLst>
              <a:ext uri="{FF2B5EF4-FFF2-40B4-BE49-F238E27FC236}">
                <a16:creationId xmlns:a16="http://schemas.microsoft.com/office/drawing/2014/main" id="{ED9AD213-74AC-4C7A-9EF9-B99DB9BDDF6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282523" y="2854263"/>
            <a:ext cx="329706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51</a:t>
            </a:r>
          </a:p>
        </p:txBody>
      </p:sp>
      <p:sp>
        <p:nvSpPr>
          <p:cNvPr id="129" name="OTLSHAPE_TB_00000000000000000000000000000000_TimescaleInterval8">
            <a:extLst>
              <a:ext uri="{FF2B5EF4-FFF2-40B4-BE49-F238E27FC236}">
                <a16:creationId xmlns:a16="http://schemas.microsoft.com/office/drawing/2014/main" id="{6C63A8E4-0A91-45E8-80CE-D574036179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189322" y="2854263"/>
            <a:ext cx="355931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58</a:t>
            </a:r>
          </a:p>
        </p:txBody>
      </p:sp>
      <p:sp>
        <p:nvSpPr>
          <p:cNvPr id="131" name="OTLSHAPE_TB_00000000000000000000000000000000_TimescaleInterval9">
            <a:extLst>
              <a:ext uri="{FF2B5EF4-FFF2-40B4-BE49-F238E27FC236}">
                <a16:creationId xmlns:a16="http://schemas.microsoft.com/office/drawing/2014/main" id="{4C8EF7C4-7787-480C-BBF0-A20F125B4A5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096122" y="2854263"/>
            <a:ext cx="357534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65</a:t>
            </a:r>
          </a:p>
        </p:txBody>
      </p:sp>
      <p:sp>
        <p:nvSpPr>
          <p:cNvPr id="133" name="OTLSHAPE_TB_00000000000000000000000000000000_TimescaleInterval10">
            <a:extLst>
              <a:ext uri="{FF2B5EF4-FFF2-40B4-BE49-F238E27FC236}">
                <a16:creationId xmlns:a16="http://schemas.microsoft.com/office/drawing/2014/main" id="{C9EE4A2B-D226-4A81-9DD7-DA3101DE821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002568" y="2854263"/>
            <a:ext cx="352725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Segoe UI Semibold" panose="020B0702040204020203" pitchFamily="34" charset="0"/>
              </a:rPr>
              <a:t>1872</a:t>
            </a:r>
          </a:p>
        </p:txBody>
      </p:sp>
      <p:sp>
        <p:nvSpPr>
          <p:cNvPr id="135" name="OTLSHAPE_TB_00000000000000000000000000000000_TimescaleInterval11">
            <a:extLst>
              <a:ext uri="{FF2B5EF4-FFF2-40B4-BE49-F238E27FC236}">
                <a16:creationId xmlns:a16="http://schemas.microsoft.com/office/drawing/2014/main" id="{D21B5FC9-B666-4536-A52A-023A3A99269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909367" y="2854263"/>
            <a:ext cx="354328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chemeClr val="lt1"/>
                </a:solidFill>
                <a:latin typeface="Segoe UI Semibold" panose="020B0702040204020203" pitchFamily="34" charset="0"/>
              </a:rPr>
              <a:t>1879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BC2FA9C-18D0-4516-B23C-543680E966FD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685379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FB9A7CB8-120B-435E-A6F0-6D53CC290C97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2592178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A12D7939-4C96-43B6-99FD-6AA903C45D90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3498978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73CB27A6-317C-4F2C-AFE4-2BBB9DBD7E58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4405778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Separator5">
            <a:extLst>
              <a:ext uri="{FF2B5EF4-FFF2-40B4-BE49-F238E27FC236}">
                <a16:creationId xmlns:a16="http://schemas.microsoft.com/office/drawing/2014/main" id="{E8629D70-3BAC-41E3-AAD5-7F9A031C3D14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312223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B_00000000000000000000000000000000_Separator6">
            <a:extLst>
              <a:ext uri="{FF2B5EF4-FFF2-40B4-BE49-F238E27FC236}">
                <a16:creationId xmlns:a16="http://schemas.microsoft.com/office/drawing/2014/main" id="{2E883A0F-102A-431A-A375-CB63B10B46B5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6219023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B_00000000000000000000000000000000_Separator7">
            <a:extLst>
              <a:ext uri="{FF2B5EF4-FFF2-40B4-BE49-F238E27FC236}">
                <a16:creationId xmlns:a16="http://schemas.microsoft.com/office/drawing/2014/main" id="{E16C7FB8-6EFA-455B-8186-CF1FE5C88BDA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125822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TB_00000000000000000000000000000000_Separator8">
            <a:extLst>
              <a:ext uri="{FF2B5EF4-FFF2-40B4-BE49-F238E27FC236}">
                <a16:creationId xmlns:a16="http://schemas.microsoft.com/office/drawing/2014/main" id="{8BF9DB86-971D-499E-AD3E-E5769DD15B36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032622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Separator9">
            <a:extLst>
              <a:ext uri="{FF2B5EF4-FFF2-40B4-BE49-F238E27FC236}">
                <a16:creationId xmlns:a16="http://schemas.microsoft.com/office/drawing/2014/main" id="{55C642EB-B017-4C48-901A-005D20E151D4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939068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B_00000000000000000000000000000000_Separator10">
            <a:extLst>
              <a:ext uri="{FF2B5EF4-FFF2-40B4-BE49-F238E27FC236}">
                <a16:creationId xmlns:a16="http://schemas.microsoft.com/office/drawing/2014/main" id="{666AE5A2-06B9-4C09-953C-87F5750C5B74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845867" y="2845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de6e544653c64e61ac868f2dd148861f_Shape">
            <a:extLst>
              <a:ext uri="{FF2B5EF4-FFF2-40B4-BE49-F238E27FC236}">
                <a16:creationId xmlns:a16="http://schemas.microsoft.com/office/drawing/2014/main" id="{2C88CE8B-4EBD-4A05-A8E5-CFD098EBE6A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734810" y="6345856"/>
            <a:ext cx="6477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T_de6e544653c64e61ac868f2dd148861f_StartDate">
            <a:extLst>
              <a:ext uri="{FF2B5EF4-FFF2-40B4-BE49-F238E27FC236}">
                <a16:creationId xmlns:a16="http://schemas.microsoft.com/office/drawing/2014/main" id="{AFC9F468-9470-46A6-B2E8-8812D77CF72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300639" y="6291119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30" dirty="0">
                <a:solidFill>
                  <a:srgbClr val="FEBA0A"/>
                </a:solidFill>
                <a:latin typeface="Segoe UI" panose="020B0502040204020203" pitchFamily="34" charset="0"/>
              </a:rPr>
              <a:t>1831</a:t>
            </a:r>
          </a:p>
        </p:txBody>
      </p:sp>
      <p:sp>
        <p:nvSpPr>
          <p:cNvPr id="207" name="OTLSHAPE_T_de6e544653c64e61ac868f2dd148861f_EndDate">
            <a:extLst>
              <a:ext uri="{FF2B5EF4-FFF2-40B4-BE49-F238E27FC236}">
                <a16:creationId xmlns:a16="http://schemas.microsoft.com/office/drawing/2014/main" id="{20BFBAC7-8379-4D01-A4B2-7E9202AE0AC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424661" y="6291119"/>
            <a:ext cx="393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30">
                <a:solidFill>
                  <a:srgbClr val="FEBA0A"/>
                </a:solidFill>
                <a:latin typeface="Segoe UI" panose="020B0502040204020203" pitchFamily="34" charset="0"/>
              </a:rPr>
              <a:t>1836</a:t>
            </a:r>
          </a:p>
        </p:txBody>
      </p:sp>
      <p:sp>
        <p:nvSpPr>
          <p:cNvPr id="208" name="OTLSHAPE_T_de6e544653c64e61ac868f2dd148861f_Title">
            <a:extLst>
              <a:ext uri="{FF2B5EF4-FFF2-40B4-BE49-F238E27FC236}">
                <a16:creationId xmlns:a16="http://schemas.microsoft.com/office/drawing/2014/main" id="{90FD3F3C-BDB2-4A72-8ED1-4D86FB5BE81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0" y="6308010"/>
            <a:ext cx="1955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16" dirty="0">
                <a:solidFill>
                  <a:schemeClr val="lt2"/>
                </a:solidFill>
                <a:latin typeface="Segoe UI" panose="020B0502040204020203" pitchFamily="34" charset="0"/>
              </a:rPr>
              <a:t>Voyage on the HMS Beagle </a:t>
            </a:r>
          </a:p>
        </p:txBody>
      </p:sp>
      <p:sp>
        <p:nvSpPr>
          <p:cNvPr id="160" name="OTLSHAPE_M_91b13b8343024701b6b4271df1721b78_Title">
            <a:extLst>
              <a:ext uri="{FF2B5EF4-FFF2-40B4-BE49-F238E27FC236}">
                <a16:creationId xmlns:a16="http://schemas.microsoft.com/office/drawing/2014/main" id="{87FCE4FB-54DC-4A1E-8B0E-D6163B94CA3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44982" y="1581850"/>
            <a:ext cx="20701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chemeClr val="lt2"/>
                </a:solidFill>
                <a:latin typeface="Segoe UI" panose="020B0502040204020203" pitchFamily="34" charset="0"/>
              </a:rPr>
              <a:t>Born in Shrewsbury, England</a:t>
            </a:r>
          </a:p>
        </p:txBody>
      </p:sp>
      <p:sp>
        <p:nvSpPr>
          <p:cNvPr id="161" name="OTLSHAPE_M_91b13b8343024701b6b4271df1721b78_Date">
            <a:extLst>
              <a:ext uri="{FF2B5EF4-FFF2-40B4-BE49-F238E27FC236}">
                <a16:creationId xmlns:a16="http://schemas.microsoft.com/office/drawing/2014/main" id="{9E932602-8CC9-477F-B2FB-083303A59E4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44982" y="1797242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09</a:t>
            </a:r>
          </a:p>
        </p:txBody>
      </p:sp>
      <p:sp>
        <p:nvSpPr>
          <p:cNvPr id="163" name="OTLSHAPE_M_ea05deafca0f4de2a8671ed94bd8de75_Title">
            <a:extLst>
              <a:ext uri="{FF2B5EF4-FFF2-40B4-BE49-F238E27FC236}">
                <a16:creationId xmlns:a16="http://schemas.microsoft.com/office/drawing/2014/main" id="{BA3B8DA3-42FB-48C9-8316-719B1A284C2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096841" y="5006394"/>
            <a:ext cx="17018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>
                <a:solidFill>
                  <a:schemeClr val="lt2"/>
                </a:solidFill>
                <a:latin typeface="Segoe UI" panose="020B0502040204020203" pitchFamily="34" charset="0"/>
              </a:rPr>
              <a:t>Enrolled at Shrewsbury Grammar School</a:t>
            </a:r>
            <a:endParaRPr lang="en-US" sz="1200" b="1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64" name="OTLSHAPE_M_ea05deafca0f4de2a8671ed94bd8de75_Date">
            <a:extLst>
              <a:ext uri="{FF2B5EF4-FFF2-40B4-BE49-F238E27FC236}">
                <a16:creationId xmlns:a16="http://schemas.microsoft.com/office/drawing/2014/main" id="{D0866D73-D06C-4AFD-970C-8CD218168D5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096841" y="4774111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 dirty="0">
                <a:solidFill>
                  <a:schemeClr val="lt2"/>
                </a:solidFill>
                <a:latin typeface="Segoe UI" panose="020B0502040204020203" pitchFamily="34" charset="0"/>
              </a:rPr>
              <a:t>1818</a:t>
            </a:r>
          </a:p>
        </p:txBody>
      </p:sp>
      <p:sp>
        <p:nvSpPr>
          <p:cNvPr id="166" name="OTLSHAPE_M_e377bc2267b54daaa9b4b1315cf5c6ca_Title">
            <a:extLst>
              <a:ext uri="{FF2B5EF4-FFF2-40B4-BE49-F238E27FC236}">
                <a16:creationId xmlns:a16="http://schemas.microsoft.com/office/drawing/2014/main" id="{24E9A776-0D42-4145-8CB6-C284A7AF862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918174" y="2131125"/>
            <a:ext cx="2527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2">
                <a:solidFill>
                  <a:schemeClr val="lt2"/>
                </a:solidFill>
                <a:latin typeface="Segoe UI" panose="020B0502040204020203" pitchFamily="34" charset="0"/>
              </a:rPr>
              <a:t>Enrolled at University of Edinburgh</a:t>
            </a:r>
            <a:endParaRPr lang="en-US" sz="1200" b="1" spc="-2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67" name="OTLSHAPE_M_e377bc2267b54daaa9b4b1315cf5c6ca_Date">
            <a:extLst>
              <a:ext uri="{FF2B5EF4-FFF2-40B4-BE49-F238E27FC236}">
                <a16:creationId xmlns:a16="http://schemas.microsoft.com/office/drawing/2014/main" id="{2707EEFF-F044-4E26-92B1-ED5D09D8320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918174" y="2346517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25</a:t>
            </a:r>
          </a:p>
        </p:txBody>
      </p:sp>
      <p:sp>
        <p:nvSpPr>
          <p:cNvPr id="169" name="OTLSHAPE_M_e0f0502129ef4af7a0a0fe324436eb39_Title">
            <a:extLst>
              <a:ext uri="{FF2B5EF4-FFF2-40B4-BE49-F238E27FC236}">
                <a16:creationId xmlns:a16="http://schemas.microsoft.com/office/drawing/2014/main" id="{C244AD9E-0298-466E-B358-6485F8FE199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13230" y="4416976"/>
            <a:ext cx="15621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lt2"/>
                </a:solidFill>
                <a:latin typeface="Segoe UI" panose="020B0502040204020203" pitchFamily="34" charset="0"/>
              </a:rPr>
              <a:t>First Scientific Speech</a:t>
            </a:r>
            <a:endParaRPr lang="en-US" sz="1200" b="1" spc="-6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70" name="OTLSHAPE_M_e0f0502129ef4af7a0a0fe324436eb39_Date">
            <a:extLst>
              <a:ext uri="{FF2B5EF4-FFF2-40B4-BE49-F238E27FC236}">
                <a16:creationId xmlns:a16="http://schemas.microsoft.com/office/drawing/2014/main" id="{6177E11E-6CF7-482E-95C3-AAA9D941208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213230" y="4184693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27</a:t>
            </a:r>
          </a:p>
        </p:txBody>
      </p:sp>
      <p:sp>
        <p:nvSpPr>
          <p:cNvPr id="172" name="OTLSHAPE_M_0aedeb837dbc47558815b213adbea067_Title">
            <a:extLst>
              <a:ext uri="{FF2B5EF4-FFF2-40B4-BE49-F238E27FC236}">
                <a16:creationId xmlns:a16="http://schemas.microsoft.com/office/drawing/2014/main" id="{0E4720BA-7276-4210-BB08-EA78DA1D486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457996" y="559609"/>
            <a:ext cx="3454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 dirty="0">
                <a:solidFill>
                  <a:schemeClr val="lt2"/>
                </a:solidFill>
                <a:latin typeface="Segoe UI" panose="020B0502040204020203" pitchFamily="34" charset="0"/>
              </a:rPr>
              <a:t>First speech to the Geological Society of London</a:t>
            </a:r>
            <a:endParaRPr lang="en-US" sz="1200" b="1" spc="-2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73" name="OTLSHAPE_M_0aedeb837dbc47558815b213adbea067_Date">
            <a:extLst>
              <a:ext uri="{FF2B5EF4-FFF2-40B4-BE49-F238E27FC236}">
                <a16:creationId xmlns:a16="http://schemas.microsoft.com/office/drawing/2014/main" id="{4CC2829C-8EE9-477A-9FFD-684071AFD33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457996" y="775001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37</a:t>
            </a:r>
          </a:p>
        </p:txBody>
      </p:sp>
      <p:sp>
        <p:nvSpPr>
          <p:cNvPr id="175" name="OTLSHAPE_M_5928070b9b7e4ba3898755751da21fd7_Title">
            <a:extLst>
              <a:ext uri="{FF2B5EF4-FFF2-40B4-BE49-F238E27FC236}">
                <a16:creationId xmlns:a16="http://schemas.microsoft.com/office/drawing/2014/main" id="{BA2A068C-1B5D-4AD6-9EC8-C3C3BE481B8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820787" y="1581850"/>
            <a:ext cx="3263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dirty="0">
                <a:solidFill>
                  <a:schemeClr val="lt2"/>
                </a:solidFill>
                <a:latin typeface="Segoe UI" panose="020B0502040204020203" pitchFamily="34" charset="0"/>
              </a:rPr>
              <a:t>Elected Fellow of the Royal Society of London</a:t>
            </a:r>
            <a:endParaRPr lang="en-US" sz="1200" b="1" spc="-4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76" name="OTLSHAPE_M_5928070b9b7e4ba3898755751da21fd7_Date">
            <a:extLst>
              <a:ext uri="{FF2B5EF4-FFF2-40B4-BE49-F238E27FC236}">
                <a16:creationId xmlns:a16="http://schemas.microsoft.com/office/drawing/2014/main" id="{13F6E332-9A66-48C5-B2AF-F7EADB2B15F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820787" y="1797242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39</a:t>
            </a:r>
          </a:p>
        </p:txBody>
      </p:sp>
      <p:sp>
        <p:nvSpPr>
          <p:cNvPr id="178" name="OTLSHAPE_M_198e05a68cbc44e9a3fff1398da58a35_Title">
            <a:extLst>
              <a:ext uri="{FF2B5EF4-FFF2-40B4-BE49-F238E27FC236}">
                <a16:creationId xmlns:a16="http://schemas.microsoft.com/office/drawing/2014/main" id="{3909379D-736B-4824-AE2D-97C93B575B0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725745" y="5316596"/>
            <a:ext cx="1930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lt2"/>
                </a:solidFill>
                <a:latin typeface="Segoe UI" panose="020B0502040204020203" pitchFamily="34" charset="0"/>
              </a:rPr>
              <a:t>Married Emma Wedgwood</a:t>
            </a:r>
          </a:p>
        </p:txBody>
      </p:sp>
      <p:sp>
        <p:nvSpPr>
          <p:cNvPr id="179" name="OTLSHAPE_M_198e05a68cbc44e9a3fff1398da58a35_Date">
            <a:extLst>
              <a:ext uri="{FF2B5EF4-FFF2-40B4-BE49-F238E27FC236}">
                <a16:creationId xmlns:a16="http://schemas.microsoft.com/office/drawing/2014/main" id="{ECC553BC-15F9-46C1-9E26-05F17DE6767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725745" y="5084313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 dirty="0">
                <a:solidFill>
                  <a:schemeClr val="lt2"/>
                </a:solidFill>
                <a:latin typeface="Segoe UI" panose="020B0502040204020203" pitchFamily="34" charset="0"/>
              </a:rPr>
              <a:t>1839</a:t>
            </a:r>
          </a:p>
        </p:txBody>
      </p:sp>
      <p:sp>
        <p:nvSpPr>
          <p:cNvPr id="181" name="OTLSHAPE_M_e444d4898e61404e8a062f2d29de0529_Title">
            <a:extLst>
              <a:ext uri="{FF2B5EF4-FFF2-40B4-BE49-F238E27FC236}">
                <a16:creationId xmlns:a16="http://schemas.microsoft.com/office/drawing/2014/main" id="{992F93C3-B233-47B6-8322-146B1F56D44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105913" y="4066631"/>
            <a:ext cx="21463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>
                <a:solidFill>
                  <a:schemeClr val="lt2"/>
                </a:solidFill>
                <a:latin typeface="Segoe UI" panose="020B0502040204020203" pitchFamily="34" charset="0"/>
              </a:rPr>
              <a:t>Published "The Structure and Distribution of Coral Reefs" </a:t>
            </a:r>
            <a:endParaRPr lang="en-US" sz="1200" b="1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82" name="OTLSHAPE_M_e444d4898e61404e8a062f2d29de0529_Date">
            <a:extLst>
              <a:ext uri="{FF2B5EF4-FFF2-40B4-BE49-F238E27FC236}">
                <a16:creationId xmlns:a16="http://schemas.microsoft.com/office/drawing/2014/main" id="{A9175000-0427-4D24-9F32-3FF34DBB66F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105913" y="3834348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42</a:t>
            </a:r>
          </a:p>
        </p:txBody>
      </p:sp>
      <p:sp>
        <p:nvSpPr>
          <p:cNvPr id="184" name="OTLSHAPE_M_beda6732b05c4716bbf1efd5b547e3e9_Title">
            <a:extLst>
              <a:ext uri="{FF2B5EF4-FFF2-40B4-BE49-F238E27FC236}">
                <a16:creationId xmlns:a16="http://schemas.microsoft.com/office/drawing/2014/main" id="{18E9CAD1-CACA-48B2-B921-65A47339EF1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647507" y="2131125"/>
            <a:ext cx="30607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dirty="0">
                <a:solidFill>
                  <a:schemeClr val="lt2"/>
                </a:solidFill>
                <a:latin typeface="Segoe UI" panose="020B0502040204020203" pitchFamily="34" charset="0"/>
              </a:rPr>
              <a:t>Received Royal Medal of The Royal Society</a:t>
            </a:r>
            <a:endParaRPr lang="en-US" sz="1200" b="1" spc="-4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85" name="OTLSHAPE_M_beda6732b05c4716bbf1efd5b547e3e9_Date">
            <a:extLst>
              <a:ext uri="{FF2B5EF4-FFF2-40B4-BE49-F238E27FC236}">
                <a16:creationId xmlns:a16="http://schemas.microsoft.com/office/drawing/2014/main" id="{E3814719-EF98-404A-8418-8A706466AC7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647507" y="2346517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53</a:t>
            </a:r>
          </a:p>
        </p:txBody>
      </p:sp>
      <p:sp>
        <p:nvSpPr>
          <p:cNvPr id="187" name="OTLSHAPE_M_ebe1cab1374c40d496962e0f611d78e1_Title">
            <a:extLst>
              <a:ext uri="{FF2B5EF4-FFF2-40B4-BE49-F238E27FC236}">
                <a16:creationId xmlns:a16="http://schemas.microsoft.com/office/drawing/2014/main" id="{AD796EE7-D5EB-4F06-A2D9-55D55E7F2A9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295424" y="5682535"/>
            <a:ext cx="25400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>
                <a:solidFill>
                  <a:schemeClr val="lt2"/>
                </a:solidFill>
                <a:latin typeface="Segoe UI" panose="020B0502040204020203" pitchFamily="34" charset="0"/>
              </a:rPr>
              <a:t>First time he publicly expressed his views on evolution</a:t>
            </a:r>
            <a:endParaRPr lang="en-US" sz="1200" b="1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90" name="OTLSHAPE_M_aa808d8e82994166838d101a7f5587b9_Title">
            <a:extLst>
              <a:ext uri="{FF2B5EF4-FFF2-40B4-BE49-F238E27FC236}">
                <a16:creationId xmlns:a16="http://schemas.microsoft.com/office/drawing/2014/main" id="{EE3E33F3-6327-4FA9-A198-5F6D9D3206A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422383" y="4776079"/>
            <a:ext cx="2641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12" dirty="0">
                <a:solidFill>
                  <a:schemeClr val="lt2"/>
                </a:solidFill>
                <a:latin typeface="Segoe UI" panose="020B0502040204020203" pitchFamily="34" charset="0"/>
              </a:rPr>
              <a:t>Published "On the Origin of Species" </a:t>
            </a:r>
            <a:endParaRPr lang="en-US" sz="1200" b="1" spc="-12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91" name="OTLSHAPE_M_aa808d8e82994166838d101a7f5587b9_Date">
            <a:extLst>
              <a:ext uri="{FF2B5EF4-FFF2-40B4-BE49-F238E27FC236}">
                <a16:creationId xmlns:a16="http://schemas.microsoft.com/office/drawing/2014/main" id="{F7BE1366-0CCB-49E0-9B1C-7ACAD0B7D1A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422383" y="4543797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59</a:t>
            </a:r>
          </a:p>
        </p:txBody>
      </p:sp>
      <p:sp>
        <p:nvSpPr>
          <p:cNvPr id="193" name="OTLSHAPE_M_de04c276767143aa8f6c6061b11217b3_Title">
            <a:extLst>
              <a:ext uri="{FF2B5EF4-FFF2-40B4-BE49-F238E27FC236}">
                <a16:creationId xmlns:a16="http://schemas.microsoft.com/office/drawing/2014/main" id="{8C26C75E-5FE0-4A4B-AE38-DF66EB4686E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881704" y="4376905"/>
            <a:ext cx="22987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>
                <a:solidFill>
                  <a:schemeClr val="lt2"/>
                </a:solidFill>
                <a:latin typeface="Segoe UI" panose="020B0502040204020203" pitchFamily="34" charset="0"/>
              </a:rPr>
              <a:t>Published "the Descent of Man"</a:t>
            </a:r>
            <a:endParaRPr lang="en-US" sz="1200" b="1" spc="-4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94" name="OTLSHAPE_M_de04c276767143aa8f6c6061b11217b3_Date">
            <a:extLst>
              <a:ext uri="{FF2B5EF4-FFF2-40B4-BE49-F238E27FC236}">
                <a16:creationId xmlns:a16="http://schemas.microsoft.com/office/drawing/2014/main" id="{4021AEE0-715B-4D7B-B6BC-0A1C2799B43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881704" y="4144622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71</a:t>
            </a:r>
          </a:p>
        </p:txBody>
      </p:sp>
      <p:sp>
        <p:nvSpPr>
          <p:cNvPr id="196" name="OTLSHAPE_M_70078b5dfb7c4d45aeac23be3d6a88f2_Title">
            <a:extLst>
              <a:ext uri="{FF2B5EF4-FFF2-40B4-BE49-F238E27FC236}">
                <a16:creationId xmlns:a16="http://schemas.microsoft.com/office/drawing/2014/main" id="{A12057A9-398D-4F30-9D98-CB8EC22901E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751621" y="876658"/>
            <a:ext cx="18796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>
                <a:solidFill>
                  <a:schemeClr val="lt2"/>
                </a:solidFill>
                <a:latin typeface="Segoe UI" panose="020B0502040204020203" pitchFamily="34" charset="0"/>
              </a:rPr>
              <a:t>Honorary Doctorate from Cambridge University</a:t>
            </a:r>
            <a:endParaRPr lang="en-US" sz="1200" b="1" dirty="0">
              <a:solidFill>
                <a:schemeClr val="lt2"/>
              </a:solidFill>
              <a:latin typeface="Segoe UI" panose="020B0502040204020203" pitchFamily="34" charset="0"/>
            </a:endParaRPr>
          </a:p>
        </p:txBody>
      </p:sp>
      <p:sp>
        <p:nvSpPr>
          <p:cNvPr id="197" name="OTLSHAPE_M_70078b5dfb7c4d45aeac23be3d6a88f2_Date">
            <a:extLst>
              <a:ext uri="{FF2B5EF4-FFF2-40B4-BE49-F238E27FC236}">
                <a16:creationId xmlns:a16="http://schemas.microsoft.com/office/drawing/2014/main" id="{70D4BEE6-C74B-4750-A11C-F37B4C37F84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751621" y="1294742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>
                <a:solidFill>
                  <a:schemeClr val="lt2"/>
                </a:solidFill>
                <a:latin typeface="Segoe UI" panose="020B0502040204020203" pitchFamily="34" charset="0"/>
              </a:rPr>
              <a:t>1877</a:t>
            </a:r>
          </a:p>
        </p:txBody>
      </p:sp>
      <p:sp>
        <p:nvSpPr>
          <p:cNvPr id="199" name="OTLSHAPE_M_ee335159e8274df489f263902a73eb13_Title">
            <a:extLst>
              <a:ext uri="{FF2B5EF4-FFF2-40B4-BE49-F238E27FC236}">
                <a16:creationId xmlns:a16="http://schemas.microsoft.com/office/drawing/2014/main" id="{78E5BCD6-12B6-4B82-B6E3-BB7A7EBCEE7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324001" y="3787560"/>
            <a:ext cx="11303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chemeClr val="lt2"/>
                </a:solidFill>
                <a:latin typeface="Segoe UI" panose="020B0502040204020203" pitchFamily="34" charset="0"/>
              </a:rPr>
              <a:t>Passed away at Down House</a:t>
            </a:r>
          </a:p>
        </p:txBody>
      </p:sp>
      <p:sp>
        <p:nvSpPr>
          <p:cNvPr id="200" name="OTLSHAPE_M_ee335159e8274df489f263902a73eb13_Date">
            <a:extLst>
              <a:ext uri="{FF2B5EF4-FFF2-40B4-BE49-F238E27FC236}">
                <a16:creationId xmlns:a16="http://schemas.microsoft.com/office/drawing/2014/main" id="{BBFD3DDA-501D-4D6D-BA2A-083C2DCE98D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324001" y="3555277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 dirty="0">
                <a:solidFill>
                  <a:schemeClr val="lt2"/>
                </a:solidFill>
                <a:latin typeface="Segoe UI" panose="020B0502040204020203" pitchFamily="34" charset="0"/>
              </a:rPr>
              <a:t>1882</a:t>
            </a:r>
          </a:p>
        </p:txBody>
      </p:sp>
      <p:grpSp>
        <p:nvGrpSpPr>
          <p:cNvPr id="236" name="Group 235">
            <a:extLst>
              <a:ext uri="{FF2B5EF4-FFF2-40B4-BE49-F238E27FC236}">
                <a16:creationId xmlns:a16="http://schemas.microsoft.com/office/drawing/2014/main" id="{DEF59FEA-FFC6-4D0B-884B-B28B14639CFD}"/>
              </a:ext>
            </a:extLst>
          </p:cNvPr>
          <p:cNvGrpSpPr/>
          <p:nvPr/>
        </p:nvGrpSpPr>
        <p:grpSpPr>
          <a:xfrm>
            <a:off x="-907776" y="-299062"/>
            <a:ext cx="45719" cy="70718"/>
            <a:chOff x="2486850" y="1443835"/>
            <a:chExt cx="1518945" cy="1480340"/>
          </a:xfrm>
        </p:grpSpPr>
        <p:pic>
          <p:nvPicPr>
            <p:cNvPr id="237" name="Picture 236">
              <a:extLst>
                <a:ext uri="{FF2B5EF4-FFF2-40B4-BE49-F238E27FC236}">
                  <a16:creationId xmlns:a16="http://schemas.microsoft.com/office/drawing/2014/main" id="{0B537BAF-1588-4478-A46B-62156F0289AF}"/>
                </a:ext>
              </a:extLst>
            </p:cNvPr>
            <p:cNvPicPr>
              <a:picLocks noChangeAspect="1"/>
            </p:cNvPicPr>
            <p:nvPr/>
          </p:nvPicPr>
          <p:blipFill>
            <a:blip r:embed="rId81"/>
            <a:stretch>
              <a:fillRect/>
            </a:stretch>
          </p:blipFill>
          <p:spPr>
            <a:xfrm>
              <a:off x="2583368" y="1443835"/>
              <a:ext cx="1344958" cy="1087946"/>
            </a:xfrm>
            <a:prstGeom prst="flowChartConnector">
              <a:avLst/>
            </a:prstGeom>
          </p:spPr>
        </p:pic>
        <p:pic>
          <p:nvPicPr>
            <p:cNvPr id="238" name="Picture 4" descr="Image result for waves clipart no background">
              <a:extLst>
                <a:ext uri="{FF2B5EF4-FFF2-40B4-BE49-F238E27FC236}">
                  <a16:creationId xmlns:a16="http://schemas.microsoft.com/office/drawing/2014/main" id="{7EA72A5F-D704-4E55-8873-BB2921438E2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86850" y="2139387"/>
              <a:ext cx="1518945" cy="784788"/>
            </a:xfrm>
            <a:prstGeom prst="flowChartConnector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211" name="Picture 4" descr="Image result for monkey head no background">
            <a:extLst>
              <a:ext uri="{FF2B5EF4-FFF2-40B4-BE49-F238E27FC236}">
                <a16:creationId xmlns:a16="http://schemas.microsoft.com/office/drawing/2014/main" id="{81250CEB-7AC8-4FB4-B102-E80B7D9F163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73994" y="1186551"/>
            <a:ext cx="461777" cy="461777"/>
          </a:xfrm>
          <a:prstGeom prst="rect">
            <a:avLst/>
          </a:prstGeom>
          <a:noFill/>
          <a:effectLst>
            <a:glow>
              <a:schemeClr val="accent2">
                <a:lumMod val="50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 prstMaterial="softEdge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2" name="Picture 4" descr="Image result for monkey head no background">
            <a:extLst>
              <a:ext uri="{FF2B5EF4-FFF2-40B4-BE49-F238E27FC236}">
                <a16:creationId xmlns:a16="http://schemas.microsoft.com/office/drawing/2014/main" id="{371417E5-BF07-4E9A-89C9-7FDFEFE874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99719" y="162391"/>
            <a:ext cx="461777" cy="461777"/>
          </a:xfrm>
          <a:prstGeom prst="rect">
            <a:avLst/>
          </a:prstGeom>
          <a:noFill/>
          <a:effectLst>
            <a:glow>
              <a:schemeClr val="accent2">
                <a:lumMod val="50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 prstMaterial="softEdge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3" name="Picture 4" descr="Image result for monkey head no background">
            <a:extLst>
              <a:ext uri="{FF2B5EF4-FFF2-40B4-BE49-F238E27FC236}">
                <a16:creationId xmlns:a16="http://schemas.microsoft.com/office/drawing/2014/main" id="{EE3AFA50-B0BB-42E4-A2DA-3D824D0D64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59242" y="1749080"/>
            <a:ext cx="461777" cy="461777"/>
          </a:xfrm>
          <a:prstGeom prst="rect">
            <a:avLst/>
          </a:prstGeom>
          <a:noFill/>
          <a:effectLst>
            <a:glow>
              <a:schemeClr val="accent2">
                <a:lumMod val="50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 prstMaterial="softEdge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4" name="Picture 4" descr="Image result for monkey head no background">
            <a:extLst>
              <a:ext uri="{FF2B5EF4-FFF2-40B4-BE49-F238E27FC236}">
                <a16:creationId xmlns:a16="http://schemas.microsoft.com/office/drawing/2014/main" id="{C329E6F1-A985-40CB-8AB6-F13483676E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84675" y="1741153"/>
            <a:ext cx="461777" cy="461777"/>
          </a:xfrm>
          <a:prstGeom prst="rect">
            <a:avLst/>
          </a:prstGeom>
          <a:noFill/>
          <a:effectLst>
            <a:glow>
              <a:schemeClr val="accent2">
                <a:lumMod val="50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 prstMaterial="softEdge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5" name="Picture 4" descr="Image result for monkey head no background">
            <a:extLst>
              <a:ext uri="{FF2B5EF4-FFF2-40B4-BE49-F238E27FC236}">
                <a16:creationId xmlns:a16="http://schemas.microsoft.com/office/drawing/2014/main" id="{9EF96023-35EC-4875-BC02-988B17AA7C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94694" y="4161355"/>
            <a:ext cx="461777" cy="46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6" name="Picture 4" descr="Image result for monkey head no background">
            <a:extLst>
              <a:ext uri="{FF2B5EF4-FFF2-40B4-BE49-F238E27FC236}">
                <a16:creationId xmlns:a16="http://schemas.microsoft.com/office/drawing/2014/main" id="{6E3FED4C-7EB2-4F6B-B4BD-DB14789872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81297" y="3785939"/>
            <a:ext cx="461777" cy="46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8" name="Picture 4" descr="Image result for monkey head no background">
            <a:extLst>
              <a:ext uri="{FF2B5EF4-FFF2-40B4-BE49-F238E27FC236}">
                <a16:creationId xmlns:a16="http://schemas.microsoft.com/office/drawing/2014/main" id="{D593B8E9-C8D6-4A23-88E5-C403697CCCE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71822" y="4354510"/>
            <a:ext cx="461777" cy="46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0" name="Picture 4" descr="Image result for monkey head no background">
            <a:extLst>
              <a:ext uri="{FF2B5EF4-FFF2-40B4-BE49-F238E27FC236}">
                <a16:creationId xmlns:a16="http://schemas.microsoft.com/office/drawing/2014/main" id="{CAEB9BFE-E4F1-4EEB-9C38-E9D9CE3EA6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84224" y="3439799"/>
            <a:ext cx="461777" cy="46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1" name="Picture 4" descr="Image result for monkey head no background">
            <a:extLst>
              <a:ext uri="{FF2B5EF4-FFF2-40B4-BE49-F238E27FC236}">
                <a16:creationId xmlns:a16="http://schemas.microsoft.com/office/drawing/2014/main" id="{D0CB4C49-CE5D-40FC-8905-7F36C12A90B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95357" y="463070"/>
            <a:ext cx="461777" cy="461777"/>
          </a:xfrm>
          <a:prstGeom prst="rect">
            <a:avLst/>
          </a:prstGeom>
          <a:noFill/>
          <a:effectLst>
            <a:glow>
              <a:schemeClr val="accent2">
                <a:lumMod val="50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 prstMaterial="softEdge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2" name="Picture 4" descr="Image result for monkey head no background">
            <a:extLst>
              <a:ext uri="{FF2B5EF4-FFF2-40B4-BE49-F238E27FC236}">
                <a16:creationId xmlns:a16="http://schemas.microsoft.com/office/drawing/2014/main" id="{980BE3DE-0B7E-47D0-8032-359F8EE49E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80776" y="3145487"/>
            <a:ext cx="461777" cy="46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3" name="Picture 4" descr="Image result for monkey head no background">
            <a:extLst>
              <a:ext uri="{FF2B5EF4-FFF2-40B4-BE49-F238E27FC236}">
                <a16:creationId xmlns:a16="http://schemas.microsoft.com/office/drawing/2014/main" id="{BB0DE328-7F58-4577-9CA4-DD149534666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46912" y="3713076"/>
            <a:ext cx="461777" cy="46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8" name="OTLSHAPE_M_ebe1cab1374c40d496962e0f611d78e1_Date">
            <a:extLst>
              <a:ext uri="{FF2B5EF4-FFF2-40B4-BE49-F238E27FC236}">
                <a16:creationId xmlns:a16="http://schemas.microsoft.com/office/drawing/2014/main" id="{D0CF6C2F-142E-4265-B6F7-C3DDBDCBD06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295424" y="5450252"/>
            <a:ext cx="368300" cy="219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8" dirty="0">
                <a:solidFill>
                  <a:schemeClr val="lt2"/>
                </a:solidFill>
                <a:latin typeface="Segoe UI" panose="020B0502040204020203" pitchFamily="34" charset="0"/>
              </a:rPr>
              <a:t>1858</a:t>
            </a:r>
          </a:p>
        </p:txBody>
      </p:sp>
      <p:pic>
        <p:nvPicPr>
          <p:cNvPr id="234" name="Picture 4" descr="Image result for monkey head no background">
            <a:extLst>
              <a:ext uri="{FF2B5EF4-FFF2-40B4-BE49-F238E27FC236}">
                <a16:creationId xmlns:a16="http://schemas.microsoft.com/office/drawing/2014/main" id="{309CB16C-075F-49FD-88F8-C437AD75C5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57114" y="5061581"/>
            <a:ext cx="461777" cy="46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5" name="Picture 4" descr="Image result for monkey head no background">
            <a:extLst>
              <a:ext uri="{FF2B5EF4-FFF2-40B4-BE49-F238E27FC236}">
                <a16:creationId xmlns:a16="http://schemas.microsoft.com/office/drawing/2014/main" id="{B80A4FC8-051B-4B66-BEA2-117AD1F26E2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85">
                    <a14:imgEffect>
                      <a14:brightnessContrast bright="4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8500" y="1190117"/>
            <a:ext cx="461777" cy="461777"/>
          </a:xfrm>
          <a:prstGeom prst="rect">
            <a:avLst/>
          </a:prstGeom>
          <a:noFill/>
          <a:effectLst>
            <a:glow>
              <a:schemeClr val="accent2">
                <a:lumMod val="75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 prstMaterial="softEdge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9" name="Picture 4" descr="Image result for monkey head no background">
            <a:extLst>
              <a:ext uri="{FF2B5EF4-FFF2-40B4-BE49-F238E27FC236}">
                <a16:creationId xmlns:a16="http://schemas.microsoft.com/office/drawing/2014/main" id="{7131E2BE-0B3E-4F46-87D3-B80692427F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86167" y="4682632"/>
            <a:ext cx="461777" cy="46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3" name="Picture 252">
            <a:extLst>
              <a:ext uri="{FF2B5EF4-FFF2-40B4-BE49-F238E27FC236}">
                <a16:creationId xmlns:a16="http://schemas.microsoft.com/office/drawing/2014/main" id="{CD50AE13-141A-4E1F-885C-79B82D5D7C38}"/>
              </a:ext>
            </a:extLst>
          </p:cNvPr>
          <p:cNvPicPr>
            <a:picLocks noChangeAspect="1"/>
          </p:cNvPicPr>
          <p:nvPr/>
        </p:nvPicPr>
        <p:blipFill>
          <a:blip r:embed="rId81"/>
          <a:stretch>
            <a:fillRect/>
          </a:stretch>
        </p:blipFill>
        <p:spPr>
          <a:xfrm>
            <a:off x="3722912" y="6090389"/>
            <a:ext cx="679792" cy="407878"/>
          </a:xfrm>
          <a:prstGeom prst="flowChartConnector">
            <a:avLst/>
          </a:prstGeom>
          <a:effectLst>
            <a:softEdge rad="63500"/>
          </a:effectLst>
        </p:spPr>
      </p:pic>
      <p:pic>
        <p:nvPicPr>
          <p:cNvPr id="97" name="Picture 96">
            <a:extLst>
              <a:ext uri="{FF2B5EF4-FFF2-40B4-BE49-F238E27FC236}">
                <a16:creationId xmlns:a16="http://schemas.microsoft.com/office/drawing/2014/main" id="{080966CE-AFB5-4216-904E-EF193379CB4A}"/>
              </a:ext>
            </a:extLst>
          </p:cNvPr>
          <p:cNvPicPr>
            <a:picLocks noChangeAspect="1"/>
          </p:cNvPicPr>
          <p:nvPr/>
        </p:nvPicPr>
        <p:blipFill>
          <a:blip r:embed="rId8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68572" y="6247096"/>
            <a:ext cx="2220430" cy="39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4444346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y4wM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jMsIkciOjkxLCJCIjo0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i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3Ny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y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0LCJGb250TmFtZSI6IlNlZ29lIFVJIFNlbWlib2xk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CwiVG9kYXlNYXJrZXJQb3NpdGlvbiI6MCwiUXVpY2tQb3NpdGlvbiI6MywiQWJzb2x1dGVQb3NpdGlvbiI6MjE5LjA1NTEx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TY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yMzEsIkciOjIzMCwiQiI6MjMw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jMxLCJHIjoyMzAsIkIiOjIzM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U2Vnb2UgVUkgU2VtaWJvbGQiLCJJc0JvbGQiOnRydWUsIklzSXRhbGljIjpmYWxzZSwiSXNVbmRlcmxpbmVkIjpmYWxzZSwiUGFyZW50U3R5bGUiOm51bGx9LCJBdXRvU2l6ZSI6MCwiRm9yZWdyb3VuZCI6eyIkaWQiOiI2OSIsIkNvbG9yIjp7IiRpZCI6Ijcw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ywiRm9udE5hbWUiOiJTZWdvZSBVSSBTZW1pYm9sZCIsIklzQm9sZCI6ZmFsc2UsIklzSXRhbGljIjpmYWxzZSwiSXNVbmRlcmxpbmVkIjpmYWxzZSwiUGFyZW50U3R5bGUiOm51bGx9LCJBdXRvU2l6ZSI6MCwiRm9yZWdyb3VuZCI6eyIkaWQiOiI3NiIsIkNvbG9yIjp7IiRpZCI6Ijc3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AsIkR1cmF0aW9uRm9ybWF0Ijo0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yLCJGb250TmFtZSI6IlNlZ29lIFVJIFNlbWlib2xkIiwiSXNCb2xkIjpmYWxzZSwiSXNJdGFsaWMiOmZhbHNlLCJJc1VuZGVybGluZWQiOmZhbHNlLCJQYXJlbnRTdHlsZSI6bnVsbH0sIkF1dG9TaXplIjowLCJGb3JlZ3JvdW5kIjp7IiRpZCI6IjEyMCIsIkNvbG9yIjp7IiRpZCI6IjEyM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E2MjAtMDktMjVUMjM6NTk6MDBaIiwiRW5kRGF0ZSI6IjE5NDUtMDYtMDZUMjM6NTk6NTkuOTk5WiIsIkZvcm1hdCI6Ik1NTSIsIlR5cGUiOjQsIkF1dG9EYXRlUmFuZ2UiOnRydWUsIldvcmtpbmdEYXlzIjoxMjcsIlRvZGF5TWFya2VyVGV4dCI6IlRvZGF5IiwiQXV0b1NjYWxlVHlwZSI6dHJ1ZX0sIk1pbGVzdG9uZXMiOlt7IiRpZCI6IjE2MyIsIkRhdGUiOiIxODA5LTAyLTEyVDIzOjU5OjAwWiIsIlN0eWxlIjp7IiRpZCI6IjE2NCIsIlNoYXBlIjoxNiwiQ29ubmVjdG9yTWFyZ2luIjp7IiRyZWYiOiI1NCJ9LCJDb25uZWN0b3JTdHlsZSI6eyIkaWQiOiIxNjU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c0IiwiQ29sb3IiOnsiJGlkIjoiMTc1IiwiQSI6MCwiUiI6MjU1LCJHIjoyNTUsIkIiOjI1NX1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ywiRm9udE5hbWUiOiJTZWdvZSBVSSIsIklzQm9sZCI6ZmFsc2UsIklzSXRhbGljIjpmYWxzZSwiSXNVbmRlcmxpbmVkIjpmYWxzZSwiUGFyZW50U3R5bGUiOm51bGx9LCJBdXRvU2l6ZSI6MCwiRm9yZWdyb3VuZCI6eyIkaWQiOiIxNzkiLCJDb2xvciI6eyIkaWQiOiIxODA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TgxIiwiQ29sb3IiOnsiJGlkIjoiMTgyIiwiQSI6MCwiUiI6MjU1LCJHIjoyNTUsIkIiOjI1NX19LCJJc1Zpc2libGUiOnRydWUsIldpZHRoIjowLjAsIkhlaWdodCI6MC4wLCJCb3JkZXJTdHlsZSI6eyIkaWQiOiIxODMiLCJMaW5lQ29sb3IiOm51bGwsIkxpbmVXZWlnaHQiOjAuMCwiTGluZVR5cGUiOjAsIlBhcmVudFN0eWxlIjpudWxsfSwiUGFyZW50U3R5bGUiOm51bGx9LCJEYXRlRm9ybWF0Ijp7IiRpZCI6IjE4N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MDQiLCJDb2xvciI6eyIkaWQiOiIyMDUiLCJBIjowLCJSIjoyNTUsIkciOjI1NSwiQiI6MjU1fX0sIklzVmlzaWJsZSI6dHJ1ZSwiV2lkdGgiOjAuMCwiSGVpZ2h0IjowLjAsIkJvcmRlclN0eWxlIjp7IiRpZCI6IjIwNiIsIkxpbmVDb2xvciI6bnVsbCwiTGluZVdlaWdodCI6MC4wLCJMaW5lVHlwZSI6MCwiUGFyZW50U3R5bGUiOm51bGx9LCJQYXJlbnRTdHlsZSI6bnVsbH0sIkRhdGVGb3JtYXQiOnsiJGlkIjoiMjA3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zLCJGb250TmFtZSI6IlNlZ29lIFVJIiwiSXNCb2xkIjpmYWxzZSwiSXNJdGFsaWMiOmZhbHNlLCJJc1VuZGVybGluZWQiOmZhbHNlLCJQYXJlbnRTdHlsZSI6bnVsbH0sIkF1dG9TaXplIjowLCJGb3JlZ3JvdW5kIjp7IiRpZCI6IjIyNSIsIkNvbG9yIjp7IiRpZCI6IjIyNi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MjciLCJDb2xvciI6eyIkaWQiOiIyMjgiLCJBIjowLCJSIjoyNTUsIkciOjI1NSwiQiI6MjU1fX0sIklzVmlzaWJsZSI6dHJ1ZSwiV2lkdGgiOjAuMCwiSGVpZ2h0IjowLjAsIkJvcmRlclN0eWxlIjp7IiRpZCI6IjIyOSIsIkxpbmVDb2xvciI6bnVsbCwiTGluZVdlaWdodCI6MC4wLCJMaW5lVHlwZSI6MCwiUGFyZW50U3R5bGUiOm51bGx9LCJQYXJlbnRTdHlsZSI6bnVsbH0sIkRhdGVGb3JtYXQiOnsiJGlkIjoiMjMw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QzIiwiQ29sb3IiOnsiJGlkIjoiMjQ0IiwiQSI6MCwiUiI6MjU1LCJHIjoyNTUsIkIiOjI1NX1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ywiRm9udE5hbWUiOiJTZWdvZSBVSSIsIklzQm9sZCI6ZmFsc2UsIklzSXRhbGljIjpmYWxzZSwiSXNVbmRlcmxpbmVkIjpmYWxzZSwiUGFyZW50U3R5bGUiOm51bGx9LCJBdXRvU2l6ZSI6MCwiRm9yZWdyb3VuZCI6eyIkaWQiOiIyNDgiLCJDb2xvciI6eyIkaWQiOiIyNDk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UwIiwiQ29sb3IiOnsiJGlkIjoiMjUxIiwiQSI6MCwiUiI6MjU1LCJHIjoyNTUsIkIiOjI1NX19LCJJc1Zpc2libGUiOnRydWUsIldpZHRoIjowLjAsIkhlaWdodCI6MC4wLCJCb3JkZXJTdHlsZSI6eyIkaWQiOiIyNTIiLCJMaW5lQ29sb3IiOm51bGwsIkxpbmVXZWlnaHQiOjAuMCwiTGluZVR5cGUiOjAsIlBhcmVudFN0eWxlIjpudWxsfSwiUGFyZW50U3R5bGUiOm51bGx9LCJEYXRlRm9ybWF0Ijp7IiRpZCI6IjI1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zMiLCJDb2xvciI6eyIkaWQiOiIyNzQiLCJBIjowLCJSIjoyNTUsIkciOjI1NSwiQiI6MjU1fX0sIklzVmlzaWJsZSI6dHJ1ZSwiV2lkdGgiOjAuMCwiSGVpZ2h0IjowLjAsIkJvcmRlclN0eWxlIjp7IiRpZCI6IjI3NSIsIkxpbmVDb2xvciI6bnVsbCwiTGluZVdlaWdodCI6MC4wLCJMaW5lVHlwZSI6MCwiUGFyZW50U3R5bGUiOm51bGx9LCJQYXJlbnRTdHlsZSI6bnVsbH0sIkRhdGVGb3JtYXQiOnsiJGlkIjoiMjc2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OTYiLCJDb2xvciI6eyIkaWQiOiIyOTciLCJBIjowLCJSIjoyNTUsIkciOjI1NSwiQiI6MjU1fX0sIklzVmlzaWJsZSI6dHJ1ZSwiV2lkdGgiOjAuMCwiSGVpZ2h0IjowLjAsIkJvcmRlclN0eWxlIjp7IiRpZCI6IjI5OCIsIkxpbmVDb2xvciI6bnVsbCwiTGluZVdlaWdodCI6MC4wLCJMaW5lVHlwZSI6MCwiUGFyZW50U3R5bGUiOm51bGx9LCJQYXJlbnRTdHlsZSI6bnVsbH0sIkRhdGVGb3JtYXQiOnsiJGlkIjoiMjk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udWxsfSwiRGF0ZVN0eWxlIjp7IiRpZCI6IjMxNSIsIkZvbnRTZXR0aW5ncyI6eyIkaWQiOiIzMTYiLCJGb250U2l6ZSI6MTMsIkZvbnROYW1lIjoiU2Vnb2UgVUkiLCJJc0JvbGQiOmZhbHNlLCJJc0l0YWxpYyI6ZmFsc2UsIklzVW5kZXJsaW5lZCI6ZmFsc2UsIlBhcmVudFN0eWxlIjpudWxsfSwiQXV0b1NpemUiOjAsIkZvcmVncm91bmQiOnsiJGlkIjoiMzE3IiwiQ29sb3IiOnsiJGlkIjoiMzE4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MxOSIsIkNvbG9yIjp7IiRpZCI6IjMyMCIsIkEiOjAsIlIiOjI1NSwiRyI6MjU1LCJCIjoyNTV9fSwiSXNWaXNpYmxlIjp0cnVlLCJXaWR0aCI6MC4wLCJIZWlnaHQiOjAuMCwiQm9yZGVyU3R5bGUiOnsiJGlkIjoiMzIxIiwiTGluZUNvbG9yIjpudWxsLCJMaW5lV2VpZ2h0IjowLjAsIkxpbmVUeXBlIjowLCJQYXJlbnRTdHlsZSI6bnVsbH0sIlBhcmVudFN0eWxlIjpudWxsfSwiRGF0ZUZvcm1hdCI6eyIkaWQiOiIzMjI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zMzUiLCJDb2xvciI6eyIkaWQiOiIzMzYiLCJBIjowLCJSIjoyNTUsIkciOjI1NSwiQiI6MjU1fX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zLCJGb250TmFtZSI6IlNlZ29lIFVJIiwiSXNCb2xkIjpmYWxzZSwiSXNJdGFsaWMiOmZhbHNlLCJJc1VuZGVybGluZWQiOmZhbHNlLCJQYXJlbnRTdHlsZSI6bnVsbH0sIkF1dG9TaXplIjowLCJGb3JlZ3JvdW5kIjp7IiRpZCI6IjM0MCIsIkNvbG9yIjp7IiRpZCI6IjM0M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NDIiLCJDb2xvciI6eyIkaWQiOiIzNDMiLCJBIjowLCJSIjoyNTUsIkciOjI1NSwiQiI6MjU1fX0sIklzVmlzaWJsZSI6dHJ1ZSwiV2lkdGgiOjAuMCwiSGVpZ2h0IjowLjAsIkJvcmRlclN0eWxlIjp7IiRpZCI6IjM0NCIsIkxpbmVDb2xvciI6bnVsbCwiTGluZVdlaWdodCI6MC4wLCJMaW5lVHlwZSI6MCwiUGFyZW50U3R5bGUiOm51bGx9LCJQYXJlbnRTdHlsZSI6bnVsbH0sIkRhdGVGb3JtYXQiOnsiJGlkIjoiMzQ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NjUiLCJDb2xvciI6eyIkaWQiOiIzNjYiLCJBIjowLCJSIjoyNTUsIkciOjI1NSwiQiI6MjU1fX0sIklzVmlzaWJsZSI6dHJ1ZSwiV2lkdGgiOjAuMCwiSGVpZ2h0IjowLjAsIkJvcmRlclN0eWxlIjp7IiRpZCI6IjM2NyIsIkxpbmVDb2xvciI6bnVsbCwiTGluZVdlaWdodCI6MC4wLCJMaW5lVHlwZSI6MCwiUGFyZW50U3R5bGUiOm51bGx9LCJQYXJlbnRTdHlsZSI6bnVsbH0sIkRhdGVGb3JtYXQiOnsiJGlkIjoiMzY4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g4IiwiQ29sb3IiOnsiJGlkIjoiMzg5IiwiQSI6MCwiUiI6MjU1LCJHIjoyNTUsIkIiOjI1NX19LCJJc1Zpc2libGUiOnRydWUsIldpZHRoIjowLjAsIkhlaWdodCI6MC4wLCJCb3JkZXJTdHlsZSI6eyIkaWQiOiIzOTAiLCJMaW5lQ29sb3IiOm51bGwsIkxpbmVXZWlnaHQiOjAuMCwiTGluZVR5cGUiOjAsIlBhcmVudFN0eWxlIjpudWxsfSwiUGFyZW50U3R5bGUiOm51bGx9LCJEYXRlRm9ybWF0Ijp7IiRpZCI6IjM5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QxMSIsIkNvbG9yIjp7IiRpZCI6IjQxMiIsIkEiOjAsIlIiOjI1NSwiRyI6MjU1LCJCIjoyNTV9fSwiSXNWaXNpYmxlIjp0cnVlLCJXaWR0aCI6MC4wLCJIZWlnaHQiOjAuMCwiQm9yZGVyU3R5bGUiOnsiJGlkIjoiNDEzIiwiTGluZUNvbG9yIjpudWxsLCJMaW5lV2VpZ2h0IjowLjAsIkxpbmVUeXBlIjowLCJQYXJlbnRTdHlsZSI6bnVsbH0sIlBhcmVudFN0eWxlIjpudWxsfSwiRGF0ZUZvcm1hdCI6eyIkaWQiOiI0MTQ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DM0IiwiQ29sb3IiOnsiJGlkIjoiNDM1IiwiQSI6MCwiUiI6MjU1LCJHIjoyNTUsIkIiOjI1NX19LCJJc1Zpc2libGUiOnRydWUsIldpZHRoIjowLjAsIkhlaWdodCI6MC4wLCJCb3JkZXJTdHlsZSI6eyIkaWQiOiI0MzYiLCJMaW5lQ29sb3IiOm51bGwsIkxpbmVXZWlnaHQiOjAuMCwiTGluZVR5cGUiOjAsIlBhcmVudFN0eWxlIjpudWxsfSwiUGFyZW50U3R5bGUiOm51bGx9LCJEYXRlRm9ybWF0Ijp7IiRpZCI6IjQz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TdHlsZSI6eyIkaWQiOiI0NTMiLCJGb250U2V0dGluZ3MiOnsiJGlkIjoiNDU0IiwiRm9udFNpemUiOjEzLCJGb250TmFtZSI6IlNlZ29lIFVJIiwiSXNCb2xkIjpmYWxzZSwiSXNJdGFsaWMiOmZhbHNlLCJJc1VuZGVybGluZWQiOmZhbHNlLCJQYXJlbnRTdHlsZSI6bnVsbH0sIkF1dG9TaXplIjowLCJGb3JlZ3JvdW5kIjp7IiRpZCI6IjQ1NSIsIkNvbG9yIjp7IiRpZCI6IjQ1Ni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0NTciLCJDb2xvciI6eyIkaWQiOiI0NTgiLCJBIjowLCJSIjoyNTUsIkciOjI1NSwiQiI6MjU1fX0sIklzVmlzaWJsZSI6dHJ1ZSwiV2lkdGgiOjAuMCwiSGVpZ2h0IjowLjAsIkJvcmRlclN0eWxlIjp7IiRpZCI6IjQ1OSIsIkxpbmVDb2xvciI6bnVsbCwiTGluZVdlaWdodCI6MC4wLCJMaW5lVHlwZSI6MCwiUGFyZW50U3R5bGUiOm51bGx9LCJQYXJlbnRTdHlsZSI6bnVsbH0sIkRhdGVGb3JtYXQiOnsiJGlkIjoiNDYw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DgwIiwiQ29sb3IiOnsiJGlkIjoiNDgxIiwiQSI6MCwiUiI6MjU1LCJHIjoyNTUsIkIiOjI1NX19LCJJc1Zpc2libGUiOnRydWUsIldpZHRoIjowLjAsIkhlaWdodCI6MC4wLCJCb3JkZXJTdHlsZSI6eyIkaWQiOiI0ODIiLCJMaW5lQ29sb3IiOm51bGwsIkxpbmVXZWlnaHQiOjAuMCwiTGluZVR5cGUiOjAsIlBhcmVudFN0eWxlIjpudWxsfSwiUGFyZW50U3R5bGUiOm51bGx9LCJEYXRlRm9ybWF0Ijp7IiRpZCI6IjQ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5MCIsIkxpbmVDb2xvciI6bnVsbCwiTGluZVdlaWdodCI6MC4wLCJMaW5lVHlwZSI6MCwiUGFyZW50U3R5bGUiOm51bGx9LCJQYXJlbnRTdHlsZSI6bnVsbH0sIkR1cmF0aW9uU3R5bGUiOnsiJGlkIjoiNDkxIiwiRm9udFNldHRpbmdzIjp7IiRpZCI6IjQ5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NTE1IiwiQ29sb3IiOnsiJGlkIjoiNTE2IiwiQSI6MCwiUiI6MjU1LCJHIjoyNTUsIkIiOjI1NX19LCJJc1Zpc2libGUiOnRydWUsIldpZHRoIjowLjAsIkhlaWdodCI6MC4wLCJCb3JkZXJTdHlsZSI6eyIkaWQiOiI1MTciLCJMaW5lQ29sb3IiOm51bGwsIkxpbmVXZWlnaHQiOjAuMCwiTGluZVR5cGUiOjAsIlBhcmVudFN0eWxlIjpudWxsfSwiUGFyZW50U3R5bGUiOm51bGx9LCJEYXRlRm9ybWF0Ijp7IiRpZCI6IjUxO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TI0IiwiVXNlVGltZSI6ZmFsc2UsIldvcmtEYXlTdGFydCI6IjAwOjAwOjAwIiwiV29ya0RheUVuZCI6IjIzOjU5OjAwIn0sIkxhc3RVc2VkVGVtcGxhdGVJZCI6ImVjYmM2YTJjLTRiYTctNDliZS04OWEzLTU1NzgzMWNiNWUyMCJ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0</Words>
  <Application>Microsoft Office PowerPoint</Application>
  <PresentationFormat>Widescreen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Segoe UI</vt:lpstr>
      <vt:lpstr>Segoe UI Semibold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2-10T13:04:52Z</dcterms:created>
  <dcterms:modified xsi:type="dcterms:W3CDTF">2020-02-10T15:47:56Z</dcterms:modified>
</cp:coreProperties>
</file>